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3" d="100"/>
          <a:sy n="73" d="100"/>
        </p:scale>
        <p:origin x="91" y="475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66" Type="http://schemas.openxmlformats.org/officeDocument/2006/relationships/tags" Target="../tags/tag170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87" Type="http://schemas.openxmlformats.org/officeDocument/2006/relationships/tags" Target="../tags/tag191.xml"/><Relationship Id="rId102" Type="http://schemas.openxmlformats.org/officeDocument/2006/relationships/tags" Target="../tags/tag206.xml"/><Relationship Id="rId5" Type="http://schemas.openxmlformats.org/officeDocument/2006/relationships/tags" Target="../tags/tag109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5" name="OTLSHAPE_T_22f39fb829944911aac60ff29587efd4_HorizontalConnector1">
            <a:extLst>
              <a:ext uri="{FF2B5EF4-FFF2-40B4-BE49-F238E27FC236}">
                <a16:creationId xmlns:a16="http://schemas.microsoft.com/office/drawing/2014/main" id="{82570801-1E81-4B01-9C51-19A57067297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90022" y="6447155"/>
            <a:ext cx="752204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" name="OTLSHAPE_T_853f2e2a1d91481f8b3ea3fdeadd8ffb_HorizontalConnector1">
            <a:extLst>
              <a:ext uri="{FF2B5EF4-FFF2-40B4-BE49-F238E27FC236}">
                <a16:creationId xmlns:a16="http://schemas.microsoft.com/office/drawing/2014/main" id="{1C6AD6EF-3614-45C3-95AC-A5CA8E60B10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307761" y="6180455"/>
            <a:ext cx="639627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" name="OTLSHAPE_T_55871566acb4479fa593c4d75faba5f3_HorizontalConnector1">
            <a:extLst>
              <a:ext uri="{FF2B5EF4-FFF2-40B4-BE49-F238E27FC236}">
                <a16:creationId xmlns:a16="http://schemas.microsoft.com/office/drawing/2014/main" id="{F5DD2549-1678-4F73-86D9-A7BEC1D07C2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845226" y="5913755"/>
            <a:ext cx="501247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" name="OTLSHAPE_T_e676dd5c8d65477588b6d56b4e73ee0c_HorizontalConnector1">
            <a:extLst>
              <a:ext uri="{FF2B5EF4-FFF2-40B4-BE49-F238E27FC236}">
                <a16:creationId xmlns:a16="http://schemas.microsoft.com/office/drawing/2014/main" id="{23E444F3-D7EB-4E31-9E00-A5E112744AD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39342" y="5647055"/>
            <a:ext cx="331789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" name="OTLSHAPE_T_27ae47589bac40d38409405d5a28c9b6_HorizontalConnector1">
            <a:extLst>
              <a:ext uri="{FF2B5EF4-FFF2-40B4-BE49-F238E27FC236}">
                <a16:creationId xmlns:a16="http://schemas.microsoft.com/office/drawing/2014/main" id="{3668EC6F-6D9F-43D4-9AB3-1EE81FB644B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199642" y="5380355"/>
            <a:ext cx="311905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" name="OTLSHAPE_T_382ddf7c49ae41a9a896b68233bb860b_HorizontalConnector1">
            <a:extLst>
              <a:ext uri="{FF2B5EF4-FFF2-40B4-BE49-F238E27FC236}">
                <a16:creationId xmlns:a16="http://schemas.microsoft.com/office/drawing/2014/main" id="{1E536A14-1DAA-45DA-B235-2EAEFF4ADCB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353903" y="5113655"/>
            <a:ext cx="1710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" name="OTLSHAPE_T_75dffbd02c41442183b720bbfa1c3d22_HorizontalConnector1">
            <a:extLst>
              <a:ext uri="{FF2B5EF4-FFF2-40B4-BE49-F238E27FC236}">
                <a16:creationId xmlns:a16="http://schemas.microsoft.com/office/drawing/2014/main" id="{BCF20A37-A7BA-4858-8106-EA45721A261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07761" y="4846955"/>
            <a:ext cx="25031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" name="OTLSHAPE_T_d447ea458d95438995f5caa9b91329cc_HorizontalConnector1">
            <a:extLst>
              <a:ext uri="{FF2B5EF4-FFF2-40B4-BE49-F238E27FC236}">
                <a16:creationId xmlns:a16="http://schemas.microsoft.com/office/drawing/2014/main" id="{3E1E6A70-07A6-428A-9376-37653D72D25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47190" y="4580255"/>
            <a:ext cx="19098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_d5cd6d2f98024f49adcf10a7c42fbeff_HorizontalConnector1">
            <a:extLst>
              <a:ext uri="{FF2B5EF4-FFF2-40B4-BE49-F238E27FC236}">
                <a16:creationId xmlns:a16="http://schemas.microsoft.com/office/drawing/2014/main" id="{DEEBCD5E-4D24-4A95-9502-C1D339270A0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90023" y="4313555"/>
            <a:ext cx="176697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4" name="OTLSHAPE_TB_00000000000000000000000000000000_LeftEndCaps">
            <a:extLst>
              <a:ext uri="{FF2B5EF4-FFF2-40B4-BE49-F238E27FC236}">
                <a16:creationId xmlns:a16="http://schemas.microsoft.com/office/drawing/2014/main" id="{A3EC98C4-9E85-495A-BC7D-1BE40C9908B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TB_00000000000000000000000000000000_RightEndCaps">
            <a:extLst>
              <a:ext uri="{FF2B5EF4-FFF2-40B4-BE49-F238E27FC236}">
                <a16:creationId xmlns:a16="http://schemas.microsoft.com/office/drawing/2014/main" id="{86A58278-8DFF-4D8F-8496-E5CBACADA2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TB_00000000000000000000000000000000_ScaleContainer">
            <a:extLst>
              <a:ext uri="{FF2B5EF4-FFF2-40B4-BE49-F238E27FC236}">
                <a16:creationId xmlns:a16="http://schemas.microsoft.com/office/drawing/2014/main" id="{3C16BCD7-838A-4581-B312-40EDAFAF71A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7" name="OTLSHAPE_TB_00000000000000000000000000000000_ElapsedTime">
            <a:extLst>
              <a:ext uri="{FF2B5EF4-FFF2-40B4-BE49-F238E27FC236}">
                <a16:creationId xmlns:a16="http://schemas.microsoft.com/office/drawing/2014/main" id="{4C6E9445-CB52-4BE4-B351-A0DE152660B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051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8" name="OTLSHAPE_TB_00000000000000000000000000000000_TodayMarkerShape">
            <a:extLst>
              <a:ext uri="{FF2B5EF4-FFF2-40B4-BE49-F238E27FC236}">
                <a16:creationId xmlns:a16="http://schemas.microsoft.com/office/drawing/2014/main" id="{EF5C99A1-E68A-4DA3-80CC-B3AD30ACC1C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2684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9" name="OTLSHAPE_TB_00000000000000000000000000000000_TodayMarkerText">
            <a:extLst>
              <a:ext uri="{FF2B5EF4-FFF2-40B4-BE49-F238E27FC236}">
                <a16:creationId xmlns:a16="http://schemas.microsoft.com/office/drawing/2014/main" id="{A466CD28-6F21-4556-9548-EF8DE7D4697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28873" y="3556000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500" name="OTLSHAPE_TB_00000000000000000000000000000000_TimescaleInterval1">
            <a:extLst>
              <a:ext uri="{FF2B5EF4-FFF2-40B4-BE49-F238E27FC236}">
                <a16:creationId xmlns:a16="http://schemas.microsoft.com/office/drawing/2014/main" id="{382F34EC-8EA7-4DFE-B267-CD9F983ECE0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1" name="OTLSHAPE_TB_00000000000000000000000000000000_Separator1">
            <a:extLst>
              <a:ext uri="{FF2B5EF4-FFF2-40B4-BE49-F238E27FC236}">
                <a16:creationId xmlns:a16="http://schemas.microsoft.com/office/drawing/2014/main" id="{D078AD15-D363-48C2-AEC8-796A73A7124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569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2" name="OTLSHAPE_TB_00000000000000000000000000000000_TimescaleInterval2">
            <a:extLst>
              <a:ext uri="{FF2B5EF4-FFF2-40B4-BE49-F238E27FC236}">
                <a16:creationId xmlns:a16="http://schemas.microsoft.com/office/drawing/2014/main" id="{886FB160-57FA-40EF-B9F7-6065B339F8F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620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3" name="OTLSHAPE_TB_00000000000000000000000000000000_Separator2">
            <a:extLst>
              <a:ext uri="{FF2B5EF4-FFF2-40B4-BE49-F238E27FC236}">
                <a16:creationId xmlns:a16="http://schemas.microsoft.com/office/drawing/2014/main" id="{13426529-8BCE-4542-90DB-575AFABE290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" name="OTLSHAPE_TB_00000000000000000000000000000000_TimescaleInterval3">
            <a:extLst>
              <a:ext uri="{FF2B5EF4-FFF2-40B4-BE49-F238E27FC236}">
                <a16:creationId xmlns:a16="http://schemas.microsoft.com/office/drawing/2014/main" id="{BCA5ECDA-9BCC-4E30-A98F-C3828DFA725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5" name="OTLSHAPE_TB_00000000000000000000000000000000_Separator3">
            <a:extLst>
              <a:ext uri="{FF2B5EF4-FFF2-40B4-BE49-F238E27FC236}">
                <a16:creationId xmlns:a16="http://schemas.microsoft.com/office/drawing/2014/main" id="{9A6BA867-AD97-4ECF-97E3-1BC815F305A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1963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" name="OTLSHAPE_TB_00000000000000000000000000000000_TimescaleInterval4">
            <a:extLst>
              <a:ext uri="{FF2B5EF4-FFF2-40B4-BE49-F238E27FC236}">
                <a16:creationId xmlns:a16="http://schemas.microsoft.com/office/drawing/2014/main" id="{A85D0125-E844-457E-8E9D-7B4BF26CF8F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8313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22a4f0d76806446789e8d0dc63898e9a_Shape">
            <a:extLst>
              <a:ext uri="{FF2B5EF4-FFF2-40B4-BE49-F238E27FC236}">
                <a16:creationId xmlns:a16="http://schemas.microsoft.com/office/drawing/2014/main" id="{4C698747-FCA8-4CCE-AB87-AF2330C8292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6532" y="3945255"/>
            <a:ext cx="2209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17" name="OTLSHAPE_T_22a4f0d76806446789e8d0dc63898e9a_ShapePercentage" hidden="1">
            <a:extLst>
              <a:ext uri="{FF2B5EF4-FFF2-40B4-BE49-F238E27FC236}">
                <a16:creationId xmlns:a16="http://schemas.microsoft.com/office/drawing/2014/main" id="{1F9A8FEC-1F9D-4047-9D6E-7F3C6A818C7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5653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18" name="OTLSHAPE_T_22a4f0d76806446789e8d0dc63898e9a_Duration" hidden="1">
            <a:extLst>
              <a:ext uri="{FF2B5EF4-FFF2-40B4-BE49-F238E27FC236}">
                <a16:creationId xmlns:a16="http://schemas.microsoft.com/office/drawing/2014/main" id="{658A365C-B409-4A00-96BB-7EF85A19CE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19" name="OTLSHAPE_T_22a4f0d76806446789e8d0dc63898e9a_TextPercentage" hidden="1">
            <a:extLst>
              <a:ext uri="{FF2B5EF4-FFF2-40B4-BE49-F238E27FC236}">
                <a16:creationId xmlns:a16="http://schemas.microsoft.com/office/drawing/2014/main" id="{D06BDE60-A530-4F35-BF58-9B06B8F6EBD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0" name="OTLSHAPE_T_22a4f0d76806446789e8d0dc63898e9a_StartDate" hidden="1">
            <a:extLst>
              <a:ext uri="{FF2B5EF4-FFF2-40B4-BE49-F238E27FC236}">
                <a16:creationId xmlns:a16="http://schemas.microsoft.com/office/drawing/2014/main" id="{665FFCAE-39DE-4E5A-BD41-2ADCD2B6EC7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22a4f0d76806446789e8d0dc63898e9a_EndDate" hidden="1">
            <a:extLst>
              <a:ext uri="{FF2B5EF4-FFF2-40B4-BE49-F238E27FC236}">
                <a16:creationId xmlns:a16="http://schemas.microsoft.com/office/drawing/2014/main" id="{C5442F36-2985-49A1-B39A-4E970D08324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22a4f0d76806446789e8d0dc63898e9a_JoinedDate">
            <a:extLst>
              <a:ext uri="{FF2B5EF4-FFF2-40B4-BE49-F238E27FC236}">
                <a16:creationId xmlns:a16="http://schemas.microsoft.com/office/drawing/2014/main" id="{3DB661EB-2EA5-4426-81E2-CBA2B2C228A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607741" y="39693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22a4f0d76806446789e8d0dc63898e9a_Title">
            <a:extLst>
              <a:ext uri="{FF2B5EF4-FFF2-40B4-BE49-F238E27FC236}">
                <a16:creationId xmlns:a16="http://schemas.microsoft.com/office/drawing/2014/main" id="{4A00BDC4-A42E-4BDC-A45A-EFE1785975D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39615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524" name="OTLSHAPE_T_d5cd6d2f98024f49adcf10a7c42fbeff_Shape">
            <a:extLst>
              <a:ext uri="{FF2B5EF4-FFF2-40B4-BE49-F238E27FC236}">
                <a16:creationId xmlns:a16="http://schemas.microsoft.com/office/drawing/2014/main" id="{261E33EE-F54D-4251-B444-745915A18E2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557000" y="4211955"/>
            <a:ext cx="254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5" name="OTLSHAPE_T_d5cd6d2f98024f49adcf10a7c42fbeff_ShapePercentage" hidden="1">
            <a:extLst>
              <a:ext uri="{FF2B5EF4-FFF2-40B4-BE49-F238E27FC236}">
                <a16:creationId xmlns:a16="http://schemas.microsoft.com/office/drawing/2014/main" id="{85B24B4F-83FA-426C-9511-AB092CE9649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5700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6" name="OTLSHAPE_T_d5cd6d2f98024f49adcf10a7c42fbeff_Duration" hidden="1">
            <a:extLst>
              <a:ext uri="{FF2B5EF4-FFF2-40B4-BE49-F238E27FC236}">
                <a16:creationId xmlns:a16="http://schemas.microsoft.com/office/drawing/2014/main" id="{265B096F-029C-42A2-B37F-113A0FBAA5E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4211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27" name="OTLSHAPE_T_d5cd6d2f98024f49adcf10a7c42fbeff_TextPercentage" hidden="1">
            <a:extLst>
              <a:ext uri="{FF2B5EF4-FFF2-40B4-BE49-F238E27FC236}">
                <a16:creationId xmlns:a16="http://schemas.microsoft.com/office/drawing/2014/main" id="{ED97F8C7-003D-4784-9193-8702A44DD86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8" name="OTLSHAPE_T_d5cd6d2f98024f49adcf10a7c42fbeff_StartDate" hidden="1">
            <a:extLst>
              <a:ext uri="{FF2B5EF4-FFF2-40B4-BE49-F238E27FC236}">
                <a16:creationId xmlns:a16="http://schemas.microsoft.com/office/drawing/2014/main" id="{F48FF234-AF3A-453B-96CF-A9F69F4717A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d5cd6d2f98024f49adcf10a7c42fbeff_EndDate" hidden="1">
            <a:extLst>
              <a:ext uri="{FF2B5EF4-FFF2-40B4-BE49-F238E27FC236}">
                <a16:creationId xmlns:a16="http://schemas.microsoft.com/office/drawing/2014/main" id="{759F3710-5556-4A23-AC66-5A8E7713AA8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d5cd6d2f98024f49adcf10a7c42fbeff_JoinedDate">
            <a:extLst>
              <a:ext uri="{FF2B5EF4-FFF2-40B4-BE49-F238E27FC236}">
                <a16:creationId xmlns:a16="http://schemas.microsoft.com/office/drawing/2014/main" id="{5FC1CCDB-AF8E-45CB-B4E4-46742DA8672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46742" y="42360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d5cd6d2f98024f49adcf10a7c42fbeff_Title">
            <a:extLst>
              <a:ext uri="{FF2B5EF4-FFF2-40B4-BE49-F238E27FC236}">
                <a16:creationId xmlns:a16="http://schemas.microsoft.com/office/drawing/2014/main" id="{AE9B82DF-E4A4-4ECA-91B7-EF0B748C724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42282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532" name="OTLSHAPE_T_d447ea458d95438995f5caa9b91329cc_Shape">
            <a:extLst>
              <a:ext uri="{FF2B5EF4-FFF2-40B4-BE49-F238E27FC236}">
                <a16:creationId xmlns:a16="http://schemas.microsoft.com/office/drawing/2014/main" id="{7A717372-D7AE-4E18-A4CC-AF4834DF710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57000" y="4478655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33" name="OTLSHAPE_T_d447ea458d95438995f5caa9b91329cc_ShapePercentage" hidden="1">
            <a:extLst>
              <a:ext uri="{FF2B5EF4-FFF2-40B4-BE49-F238E27FC236}">
                <a16:creationId xmlns:a16="http://schemas.microsoft.com/office/drawing/2014/main" id="{6FE0A6C1-9FBC-4D72-AF0D-C2D2A930D9C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557000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34" name="OTLSHAPE_T_d447ea458d95438995f5caa9b91329cc_Duration" hidden="1">
            <a:extLst>
              <a:ext uri="{FF2B5EF4-FFF2-40B4-BE49-F238E27FC236}">
                <a16:creationId xmlns:a16="http://schemas.microsoft.com/office/drawing/2014/main" id="{980734AF-D1BA-4042-BBDF-2558B18D8DC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35" name="OTLSHAPE_T_d447ea458d95438995f5caa9b91329cc_TextPercentage" hidden="1">
            <a:extLst>
              <a:ext uri="{FF2B5EF4-FFF2-40B4-BE49-F238E27FC236}">
                <a16:creationId xmlns:a16="http://schemas.microsoft.com/office/drawing/2014/main" id="{890B8BE1-D214-4BE2-9B5A-AC6FA26E9B5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6" name="OTLSHAPE_T_d447ea458d95438995f5caa9b91329cc_StartDate" hidden="1">
            <a:extLst>
              <a:ext uri="{FF2B5EF4-FFF2-40B4-BE49-F238E27FC236}">
                <a16:creationId xmlns:a16="http://schemas.microsoft.com/office/drawing/2014/main" id="{BAF7E6DB-10C7-43C2-82FC-64E7DD69B26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d447ea458d95438995f5caa9b91329cc_EndDate" hidden="1">
            <a:extLst>
              <a:ext uri="{FF2B5EF4-FFF2-40B4-BE49-F238E27FC236}">
                <a16:creationId xmlns:a16="http://schemas.microsoft.com/office/drawing/2014/main" id="{DDA30915-FA19-4124-ADC8-3ED958C43B4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d447ea458d95438995f5caa9b91329cc_JoinedDate">
            <a:extLst>
              <a:ext uri="{FF2B5EF4-FFF2-40B4-BE49-F238E27FC236}">
                <a16:creationId xmlns:a16="http://schemas.microsoft.com/office/drawing/2014/main" id="{5D4ED1DE-9625-4AAF-8607-47668A2D6A1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454075" y="45027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d447ea458d95438995f5caa9b91329cc_Title">
            <a:extLst>
              <a:ext uri="{FF2B5EF4-FFF2-40B4-BE49-F238E27FC236}">
                <a16:creationId xmlns:a16="http://schemas.microsoft.com/office/drawing/2014/main" id="{C8ACD4A7-DF0D-4ED9-9FB6-B86DCECC952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449499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540" name="OTLSHAPE_T_75dffbd02c41442183b720bbfa1c3d22_Shape">
            <a:extLst>
              <a:ext uri="{FF2B5EF4-FFF2-40B4-BE49-F238E27FC236}">
                <a16:creationId xmlns:a16="http://schemas.microsoft.com/office/drawing/2014/main" id="{F3FD3791-95D2-4E97-B9EC-9835CBF0409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10900" y="4745355"/>
            <a:ext cx="596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1" name="OTLSHAPE_T_75dffbd02c41442183b720bbfa1c3d22_ShapePercentage" hidden="1">
            <a:extLst>
              <a:ext uri="{FF2B5EF4-FFF2-40B4-BE49-F238E27FC236}">
                <a16:creationId xmlns:a16="http://schemas.microsoft.com/office/drawing/2014/main" id="{C81F5802-D40C-4A36-8575-D3E91559765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1090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2" name="OTLSHAPE_T_75dffbd02c41442183b720bbfa1c3d22_Duration" hidden="1">
            <a:extLst>
              <a:ext uri="{FF2B5EF4-FFF2-40B4-BE49-F238E27FC236}">
                <a16:creationId xmlns:a16="http://schemas.microsoft.com/office/drawing/2014/main" id="{39BB1F06-EFAA-4EC0-BDBF-DABD915EA8B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7453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43" name="OTLSHAPE_T_75dffbd02c41442183b720bbfa1c3d22_TextPercentage" hidden="1">
            <a:extLst>
              <a:ext uri="{FF2B5EF4-FFF2-40B4-BE49-F238E27FC236}">
                <a16:creationId xmlns:a16="http://schemas.microsoft.com/office/drawing/2014/main" id="{A68F9AAC-2D56-462A-8230-79383D08391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4" name="OTLSHAPE_T_75dffbd02c41442183b720bbfa1c3d22_StartDate" hidden="1">
            <a:extLst>
              <a:ext uri="{FF2B5EF4-FFF2-40B4-BE49-F238E27FC236}">
                <a16:creationId xmlns:a16="http://schemas.microsoft.com/office/drawing/2014/main" id="{19CC9CA7-BC67-4817-AA51-D83BEFE3D8D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75dffbd02c41442183b720bbfa1c3d22_EndDate" hidden="1">
            <a:extLst>
              <a:ext uri="{FF2B5EF4-FFF2-40B4-BE49-F238E27FC236}">
                <a16:creationId xmlns:a16="http://schemas.microsoft.com/office/drawing/2014/main" id="{B498A4B0-CFC6-4E21-820C-90519AA48B1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75dffbd02c41442183b720bbfa1c3d22_JoinedDate">
            <a:extLst>
              <a:ext uri="{FF2B5EF4-FFF2-40B4-BE49-F238E27FC236}">
                <a16:creationId xmlns:a16="http://schemas.microsoft.com/office/drawing/2014/main" id="{EEAC3D1A-1A39-45DE-82A6-9B8E86A8381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454075" y="47694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75dffbd02c41442183b720bbfa1c3d22_Title">
            <a:extLst>
              <a:ext uri="{FF2B5EF4-FFF2-40B4-BE49-F238E27FC236}">
                <a16:creationId xmlns:a16="http://schemas.microsoft.com/office/drawing/2014/main" id="{7ED974A1-4443-467C-9F05-630DBF35345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47616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548" name="OTLSHAPE_T_382ddf7c49ae41a9a896b68233bb860b_Shape">
            <a:extLst>
              <a:ext uri="{FF2B5EF4-FFF2-40B4-BE49-F238E27FC236}">
                <a16:creationId xmlns:a16="http://schemas.microsoft.com/office/drawing/2014/main" id="{FE400CE0-BAE4-44B6-A414-24214B4828F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064800" y="5012055"/>
            <a:ext cx="11938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9" name="OTLSHAPE_T_382ddf7c49ae41a9a896b68233bb860b_ShapePercentage" hidden="1">
            <a:extLst>
              <a:ext uri="{FF2B5EF4-FFF2-40B4-BE49-F238E27FC236}">
                <a16:creationId xmlns:a16="http://schemas.microsoft.com/office/drawing/2014/main" id="{CF324A14-87D4-463E-83BE-054A939BA4B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64800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0" name="OTLSHAPE_T_382ddf7c49ae41a9a896b68233bb860b_Duration" hidden="1">
            <a:extLst>
              <a:ext uri="{FF2B5EF4-FFF2-40B4-BE49-F238E27FC236}">
                <a16:creationId xmlns:a16="http://schemas.microsoft.com/office/drawing/2014/main" id="{D8C87F52-6F8D-478B-BF8A-30A3912D492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4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51" name="OTLSHAPE_T_382ddf7c49ae41a9a896b68233bb860b_TextPercentage" hidden="1">
            <a:extLst>
              <a:ext uri="{FF2B5EF4-FFF2-40B4-BE49-F238E27FC236}">
                <a16:creationId xmlns:a16="http://schemas.microsoft.com/office/drawing/2014/main" id="{E7F3CD34-13A8-4D80-93FE-C227EDF626F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2" name="OTLSHAPE_T_382ddf7c49ae41a9a896b68233bb860b_StartDate" hidden="1">
            <a:extLst>
              <a:ext uri="{FF2B5EF4-FFF2-40B4-BE49-F238E27FC236}">
                <a16:creationId xmlns:a16="http://schemas.microsoft.com/office/drawing/2014/main" id="{CC9D6AC3-33FC-47D9-89E7-A5E9FEBB814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382ddf7c49ae41a9a896b68233bb860b_EndDate" hidden="1">
            <a:extLst>
              <a:ext uri="{FF2B5EF4-FFF2-40B4-BE49-F238E27FC236}">
                <a16:creationId xmlns:a16="http://schemas.microsoft.com/office/drawing/2014/main" id="{089B551A-CC69-4FC2-B5E7-772E2CC3307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382ddf7c49ae41a9a896b68233bb860b_JoinedDate">
            <a:extLst>
              <a:ext uri="{FF2B5EF4-FFF2-40B4-BE49-F238E27FC236}">
                <a16:creationId xmlns:a16="http://schemas.microsoft.com/office/drawing/2014/main" id="{6AC72120-3C5F-47AA-ABE7-27F703508A4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00408" y="50361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382ddf7c49ae41a9a896b68233bb860b_Title">
            <a:extLst>
              <a:ext uri="{FF2B5EF4-FFF2-40B4-BE49-F238E27FC236}">
                <a16:creationId xmlns:a16="http://schemas.microsoft.com/office/drawing/2014/main" id="{47EF468E-F142-43E9-BC6C-F0B73A9A76B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5028396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공부 및 윈도우 프로그램 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개발</a:t>
            </a:r>
          </a:p>
        </p:txBody>
      </p:sp>
      <p:sp>
        <p:nvSpPr>
          <p:cNvPr id="556" name="OTLSHAPE_T_27ae47589bac40d38409405d5a28c9b6_Shape">
            <a:extLst>
              <a:ext uri="{FF2B5EF4-FFF2-40B4-BE49-F238E27FC236}">
                <a16:creationId xmlns:a16="http://schemas.microsoft.com/office/drawing/2014/main" id="{675BDAF9-8506-4EAF-A5B9-D16689EB039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18700" y="5278755"/>
            <a:ext cx="3390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7" name="OTLSHAPE_T_27ae47589bac40d38409405d5a28c9b6_ShapePercentage" hidden="1">
            <a:extLst>
              <a:ext uri="{FF2B5EF4-FFF2-40B4-BE49-F238E27FC236}">
                <a16:creationId xmlns:a16="http://schemas.microsoft.com/office/drawing/2014/main" id="{B353E3F3-61F4-47BF-9A9E-9A5B8CCFB35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318700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8" name="OTLSHAPE_T_27ae47589bac40d38409405d5a28c9b6_Duration" hidden="1">
            <a:extLst>
              <a:ext uri="{FF2B5EF4-FFF2-40B4-BE49-F238E27FC236}">
                <a16:creationId xmlns:a16="http://schemas.microsoft.com/office/drawing/2014/main" id="{135DEEA2-ABEF-4B77-B8E1-9B087F63A1D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59" name="OTLSHAPE_T_27ae47589bac40d38409405d5a28c9b6_TextPercentage" hidden="1">
            <a:extLst>
              <a:ext uri="{FF2B5EF4-FFF2-40B4-BE49-F238E27FC236}">
                <a16:creationId xmlns:a16="http://schemas.microsoft.com/office/drawing/2014/main" id="{D06D5607-BA54-4FE7-9C67-B0B97E070F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0" name="OTLSHAPE_T_27ae47589bac40d38409405d5a28c9b6_StartDate" hidden="1">
            <a:extLst>
              <a:ext uri="{FF2B5EF4-FFF2-40B4-BE49-F238E27FC236}">
                <a16:creationId xmlns:a16="http://schemas.microsoft.com/office/drawing/2014/main" id="{24D54879-2959-4015-B3F3-E43B204ACE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27ae47589bac40d38409405d5a28c9b6_EndDate" hidden="1">
            <a:extLst>
              <a:ext uri="{FF2B5EF4-FFF2-40B4-BE49-F238E27FC236}">
                <a16:creationId xmlns:a16="http://schemas.microsoft.com/office/drawing/2014/main" id="{38C378AD-5934-4962-8069-F266E12B8E2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27ae47589bac40d38409405d5a28c9b6_JoinedDate">
            <a:extLst>
              <a:ext uri="{FF2B5EF4-FFF2-40B4-BE49-F238E27FC236}">
                <a16:creationId xmlns:a16="http://schemas.microsoft.com/office/drawing/2014/main" id="{E0714F82-56A6-412D-8DDA-7ADC2876F0A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754775" y="53028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27ae47589bac40d38409405d5a28c9b6_Title">
            <a:extLst>
              <a:ext uri="{FF2B5EF4-FFF2-40B4-BE49-F238E27FC236}">
                <a16:creationId xmlns:a16="http://schemas.microsoft.com/office/drawing/2014/main" id="{D40FA495-5F20-46A4-94F3-2A7EC87C92E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52950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564" name="OTLSHAPE_T_e676dd5c8d65477588b6d56b4e73ee0c_Shape">
            <a:extLst>
              <a:ext uri="{FF2B5EF4-FFF2-40B4-BE49-F238E27FC236}">
                <a16:creationId xmlns:a16="http://schemas.microsoft.com/office/drawing/2014/main" id="{2D9422AE-D9A3-4116-A78D-DCFB96FD171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657233" y="5545455"/>
            <a:ext cx="2209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65" name="OTLSHAPE_T_e676dd5c8d65477588b6d56b4e73ee0c_ShapePercentage" hidden="1">
            <a:extLst>
              <a:ext uri="{FF2B5EF4-FFF2-40B4-BE49-F238E27FC236}">
                <a16:creationId xmlns:a16="http://schemas.microsoft.com/office/drawing/2014/main" id="{2FFCDD61-8064-498C-BE49-DE9FAD04429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57233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66" name="OTLSHAPE_T_e676dd5c8d65477588b6d56b4e73ee0c_Duration" hidden="1">
            <a:extLst>
              <a:ext uri="{FF2B5EF4-FFF2-40B4-BE49-F238E27FC236}">
                <a16:creationId xmlns:a16="http://schemas.microsoft.com/office/drawing/2014/main" id="{CA30B22A-7994-41D8-856C-C3D7F224769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67" name="OTLSHAPE_T_e676dd5c8d65477588b6d56b4e73ee0c_TextPercentage" hidden="1">
            <a:extLst>
              <a:ext uri="{FF2B5EF4-FFF2-40B4-BE49-F238E27FC236}">
                <a16:creationId xmlns:a16="http://schemas.microsoft.com/office/drawing/2014/main" id="{208B0166-B999-4B83-9415-13B6EB4FD9E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8" name="OTLSHAPE_T_e676dd5c8d65477588b6d56b4e73ee0c_StartDate" hidden="1">
            <a:extLst>
              <a:ext uri="{FF2B5EF4-FFF2-40B4-BE49-F238E27FC236}">
                <a16:creationId xmlns:a16="http://schemas.microsoft.com/office/drawing/2014/main" id="{2357F307-CD33-4863-B1B0-9D1E72D8F78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e676dd5c8d65477588b6d56b4e73ee0c_EndDate" hidden="1">
            <a:extLst>
              <a:ext uri="{FF2B5EF4-FFF2-40B4-BE49-F238E27FC236}">
                <a16:creationId xmlns:a16="http://schemas.microsoft.com/office/drawing/2014/main" id="{9420328D-E702-41C3-98F2-73E3CA2CA50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e676dd5c8d65477588b6d56b4e73ee0c_JoinedDate">
            <a:extLst>
              <a:ext uri="{FF2B5EF4-FFF2-40B4-BE49-F238E27FC236}">
                <a16:creationId xmlns:a16="http://schemas.microsoft.com/office/drawing/2014/main" id="{0F2EDDEF-595A-494D-9817-076F9DC65C4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908442" y="55695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4-2019 - 5-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e676dd5c8d65477588b6d56b4e73ee0c_Title">
            <a:extLst>
              <a:ext uri="{FF2B5EF4-FFF2-40B4-BE49-F238E27FC236}">
                <a16:creationId xmlns:a16="http://schemas.microsoft.com/office/drawing/2014/main" id="{6FCA6889-C758-4247-9AD5-839494B4A92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55617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572" name="OTLSHAPE_T_55871566acb4479fa593c4d75faba5f3_Shape">
            <a:extLst>
              <a:ext uri="{FF2B5EF4-FFF2-40B4-BE49-F238E27FC236}">
                <a16:creationId xmlns:a16="http://schemas.microsoft.com/office/drawing/2014/main" id="{A7C6518C-61F0-4B3B-A7DA-E816EB02C52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857701" y="5812155"/>
            <a:ext cx="2463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73" name="OTLSHAPE_T_55871566acb4479fa593c4d75faba5f3_ShapePercentage" hidden="1">
            <a:extLst>
              <a:ext uri="{FF2B5EF4-FFF2-40B4-BE49-F238E27FC236}">
                <a16:creationId xmlns:a16="http://schemas.microsoft.com/office/drawing/2014/main" id="{DCED9AB0-3AC7-40BE-B01E-6905E19F715F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8577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74" name="OTLSHAPE_T_55871566acb4479fa593c4d75faba5f3_Duration" hidden="1">
            <a:extLst>
              <a:ext uri="{FF2B5EF4-FFF2-40B4-BE49-F238E27FC236}">
                <a16:creationId xmlns:a16="http://schemas.microsoft.com/office/drawing/2014/main" id="{B99AA088-182E-4BBB-B498-FE9A2841029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75" name="OTLSHAPE_T_55871566acb4479fa593c4d75faba5f3_TextPercentage" hidden="1">
            <a:extLst>
              <a:ext uri="{FF2B5EF4-FFF2-40B4-BE49-F238E27FC236}">
                <a16:creationId xmlns:a16="http://schemas.microsoft.com/office/drawing/2014/main" id="{67CED5AF-E382-4C78-B34C-74B9326C04D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6" name="OTLSHAPE_T_55871566acb4479fa593c4d75faba5f3_StartDate" hidden="1">
            <a:extLst>
              <a:ext uri="{FF2B5EF4-FFF2-40B4-BE49-F238E27FC236}">
                <a16:creationId xmlns:a16="http://schemas.microsoft.com/office/drawing/2014/main" id="{8383D797-6DF6-4487-BA6B-42F616A5AC6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_55871566acb4479fa593c4d75faba5f3_EndDate" hidden="1">
            <a:extLst>
              <a:ext uri="{FF2B5EF4-FFF2-40B4-BE49-F238E27FC236}">
                <a16:creationId xmlns:a16="http://schemas.microsoft.com/office/drawing/2014/main" id="{D27ABC3E-C9C4-4C5D-8B84-BB72C17F465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55871566acb4479fa593c4d75faba5f3_JoinedDate">
            <a:extLst>
              <a:ext uri="{FF2B5EF4-FFF2-40B4-BE49-F238E27FC236}">
                <a16:creationId xmlns:a16="http://schemas.microsoft.com/office/drawing/2014/main" id="{49A6FE1A-FBB9-4E22-A444-9035D4E54C0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62810" y="58362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0-2019 - 6-7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_55871566acb4479fa593c4d75faba5f3_Title">
            <a:extLst>
              <a:ext uri="{FF2B5EF4-FFF2-40B4-BE49-F238E27FC236}">
                <a16:creationId xmlns:a16="http://schemas.microsoft.com/office/drawing/2014/main" id="{2086804C-BCE7-4D23-A6DE-47EA192200C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828496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상 객체 생성 모듈 개발</a:t>
            </a:r>
          </a:p>
        </p:txBody>
      </p:sp>
      <p:sp>
        <p:nvSpPr>
          <p:cNvPr id="580" name="OTLSHAPE_T_853f2e2a1d91481f8b3ea3fdeadd8ffb_Shape">
            <a:extLst>
              <a:ext uri="{FF2B5EF4-FFF2-40B4-BE49-F238E27FC236}">
                <a16:creationId xmlns:a16="http://schemas.microsoft.com/office/drawing/2014/main" id="{21A8F175-FA15-47D4-AC9E-5330B5E7036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704034" y="6078855"/>
            <a:ext cx="596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1" name="OTLSHAPE_T_853f2e2a1d91481f8b3ea3fdeadd8ffb_ShapePercentage" hidden="1">
            <a:extLst>
              <a:ext uri="{FF2B5EF4-FFF2-40B4-BE49-F238E27FC236}">
                <a16:creationId xmlns:a16="http://schemas.microsoft.com/office/drawing/2014/main" id="{6AAC7743-5C58-465D-9AEC-BB97A587CE6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70403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2" name="OTLSHAPE_T_853f2e2a1d91481f8b3ea3fdeadd8ffb_Duration" hidden="1">
            <a:extLst>
              <a:ext uri="{FF2B5EF4-FFF2-40B4-BE49-F238E27FC236}">
                <a16:creationId xmlns:a16="http://schemas.microsoft.com/office/drawing/2014/main" id="{4021A796-F40C-4164-807A-5C41B18E1F4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60788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83" name="OTLSHAPE_T_853f2e2a1d91481f8b3ea3fdeadd8ffb_TextPercentage" hidden="1">
            <a:extLst>
              <a:ext uri="{FF2B5EF4-FFF2-40B4-BE49-F238E27FC236}">
                <a16:creationId xmlns:a16="http://schemas.microsoft.com/office/drawing/2014/main" id="{139362B1-98EA-410D-AF66-1A88955C756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_853f2e2a1d91481f8b3ea3fdeadd8ffb_StartDate" hidden="1">
            <a:extLst>
              <a:ext uri="{FF2B5EF4-FFF2-40B4-BE49-F238E27FC236}">
                <a16:creationId xmlns:a16="http://schemas.microsoft.com/office/drawing/2014/main" id="{1A0C24A8-8F90-46B9-B0B1-36CEF7AA9E4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853f2e2a1d91481f8b3ea3fdeadd8ffb_EndDate" hidden="1">
            <a:extLst>
              <a:ext uri="{FF2B5EF4-FFF2-40B4-BE49-F238E27FC236}">
                <a16:creationId xmlns:a16="http://schemas.microsoft.com/office/drawing/2014/main" id="{4D629BC3-DDE1-4394-87A8-EAE05462421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853f2e2a1d91481f8b3ea3fdeadd8ffb_JoinedDate">
            <a:extLst>
              <a:ext uri="{FF2B5EF4-FFF2-40B4-BE49-F238E27FC236}">
                <a16:creationId xmlns:a16="http://schemas.microsoft.com/office/drawing/2014/main" id="{E1F65A62-256F-4733-8530-89BE3BC8FC1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347209" y="61029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20-2019 - 5-26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" name="OTLSHAPE_T_853f2e2a1d91481f8b3ea3fdeadd8ffb_Title">
            <a:extLst>
              <a:ext uri="{FF2B5EF4-FFF2-40B4-BE49-F238E27FC236}">
                <a16:creationId xmlns:a16="http://schemas.microsoft.com/office/drawing/2014/main" id="{7F016F0B-1D51-4914-BA58-566E4F740F4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0" y="60951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즐겨찾기 모듈 개발</a:t>
            </a:r>
          </a:p>
        </p:txBody>
      </p:sp>
      <p:sp>
        <p:nvSpPr>
          <p:cNvPr id="588" name="OTLSHAPE_T_22f39fb829944911aac60ff29587efd4_Shape">
            <a:extLst>
              <a:ext uri="{FF2B5EF4-FFF2-40B4-BE49-F238E27FC236}">
                <a16:creationId xmlns:a16="http://schemas.microsoft.com/office/drawing/2014/main" id="{9F9D8552-D450-4431-AA37-4840C30C7D7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312068" y="6345555"/>
            <a:ext cx="1016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9" name="OTLSHAPE_T_22f39fb829944911aac60ff29587efd4_ShapePercentage" hidden="1">
            <a:extLst>
              <a:ext uri="{FF2B5EF4-FFF2-40B4-BE49-F238E27FC236}">
                <a16:creationId xmlns:a16="http://schemas.microsoft.com/office/drawing/2014/main" id="{31B9B77A-A6AF-4264-AE48-CB47376BE55B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312068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90" name="OTLSHAPE_T_22f39fb829944911aac60ff29587efd4_Duration" hidden="1">
            <a:extLst>
              <a:ext uri="{FF2B5EF4-FFF2-40B4-BE49-F238E27FC236}">
                <a16:creationId xmlns:a16="http://schemas.microsoft.com/office/drawing/2014/main" id="{330822C4-BC2E-4C7B-84A2-2359E71DE2C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91" name="OTLSHAPE_T_22f39fb829944911aac60ff29587efd4_TextPercentage" hidden="1">
            <a:extLst>
              <a:ext uri="{FF2B5EF4-FFF2-40B4-BE49-F238E27FC236}">
                <a16:creationId xmlns:a16="http://schemas.microsoft.com/office/drawing/2014/main" id="{941B70F8-8EE0-4DD2-8456-025300EB6F7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T_22f39fb829944911aac60ff29587efd4_StartDate" hidden="1">
            <a:extLst>
              <a:ext uri="{FF2B5EF4-FFF2-40B4-BE49-F238E27FC236}">
                <a16:creationId xmlns:a16="http://schemas.microsoft.com/office/drawing/2014/main" id="{3C53D4F5-A872-4C49-A8C6-9DE33B7C520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22f39fb829944911aac60ff29587efd4_EndDate" hidden="1">
            <a:extLst>
              <a:ext uri="{FF2B5EF4-FFF2-40B4-BE49-F238E27FC236}">
                <a16:creationId xmlns:a16="http://schemas.microsoft.com/office/drawing/2014/main" id="{013AFCF4-A2A7-44FA-95B3-8F0256D2D7A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22f39fb829944911aac60ff29587efd4_JoinedDate">
            <a:extLst>
              <a:ext uri="{FF2B5EF4-FFF2-40B4-BE49-F238E27FC236}">
                <a16:creationId xmlns:a16="http://schemas.microsoft.com/office/drawing/2014/main" id="{58013D7B-16EF-4ECB-BAEC-9C234231072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78410" y="63696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8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" name="OTLSHAPE_T_22f39fb829944911aac60ff29587efd4_Title">
            <a:extLst>
              <a:ext uri="{FF2B5EF4-FFF2-40B4-BE49-F238E27FC236}">
                <a16:creationId xmlns:a16="http://schemas.microsoft.com/office/drawing/2014/main" id="{FE6EC61B-A991-4445-91F6-18009A1C2B5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0" y="63618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YtMTlUMjM6NTk6MDAiLCJGb3JtYXQiOiJNTU0iLCJUeXBlIjoyLCJBdXRvRGF0ZVJhbmdlIjp0cnVlLCJXb3JraW5nRGF5cyI6MTI3LCJUb2RheU1hcmtlclRleHQiOiLsmKTripgiLCJBdXRvU2NhbGVUeXBlIjp0cnVlfSwiTWlsZXN0b25lcyI6W10sIlRhc2tzIjpbeyIkaWQiOiIxMjgiLCJHcm91cE5hbWUiOm51bGwsIlN0YXJ0RGF0ZSI6IjIwMTktMDMtMDZUMDA6MDA6MDAiLCJFbmREYXRlIjoiMjAxOS0wMy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A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jJhNGYwZDctNjgwNi00NDY3LTg5ZTgtZDBkYzYzODk4ZTlhIiwiSW1wb3J0SWQiOm51bGwsIlRpdGxlIjoi7ZSE66Gc7KCd7Yq4IOqzhO2ajS/shKTqs4QiLCJOb3RlIjpudWxsLCJIeXBlcmxpbmsiOm51bGwsIklzQ2hhbmdlZCI6ZmFsc2UsIklzTmV3IjpmYWxzZX0seyIkaWQiOiIxNjMiLCJHcm91cE5hbWUiOm51bGwsIlN0YXJ0RGF0ZSI6IjIwMTktMDQtMDFUMDA6MDA6MDBaIiwiRW5kRGF0ZSI6IjIwMTktMDQtMzB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MyIsIk1hcmdpbiI6eyIkcmVmIjoiMTA0In0sIlBhZGRpbmciOnsiJHJlZiI6IjEwNSJ9LCJCYWNrZ3JvdW5kIjp7IiRpZCI6IjE3NCIsIkNvbG9yIjp7IiRpZCI6IjE3NSIsIkEiOjI1NSwiUiI6OTEsIkciOjE1NSwiQiI6MjEz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WNkNmQyZi05ODAyLTRmNDktYWRjZi0xMGE3YzQyZmJlZmYiLCJJbXBvcnRJZCI6bnVsbCwiVGl0bGUiOiLspJHqsIQg67O06rOg7IScIOyekeyEsSDrsI8g7ZS865Oc67CxIiwiTm90ZSI6bnVsbCwiSHlwZXJsaW5rIjpudWxsLCJJc0NoYW5nZWQiOmZhbHNlLCJJc05ldyI6ZmFsc2V9LHsiJGlkIjoiMTgzIiwiR3JvdXBOYW1lIjpudWxsLCJTdGFydERhdGUiOiIyMDE5LTA0LTAxVDAwOjAwOjAwIiwiRW5kRGF0ZSI6IjIwMTktMDQtMTBUMjM6NTk6MDBaIiwiUGVyY2VudGFnZUNvbXBsZXRlIjpudWxsLCJTdHlsZSI6eyIkaWQiOiIxODQiLCJTaGFwZSI6MC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yZWYiOiI4NiJ9fSwiTWF4V2lkdGgiOjIwMC4w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4OSJ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OTYi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cmVmIjoiOTgifSwiTGluZVdlaWdodCI6MS4wLCJMaW5lVHlwZSI6MCwiUGFyZW50U3R5bGUiOm51bGx9LCJWZXJ0aWNhbENvbm5lY3RvclN0eWxlIjp7IiRpZCI6IjE5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ExNyJ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TcifSwiSWQiOiJkNDQ3ZWE0NS04ZDk1LTQzODktOTVmNS1jYWE5YjkxMzI5Y2MiLCJJbXBvcnRJZCI6bnVsbCwiVGl0bGUiOiLqtIDroKgg7Jik7ZSI7IaM7IqkIOyImOynkS/rtoTshJ0iLCJOb3RlIjpudWxsLCJIeXBlcmxpbmsiOm51bGwsIklzQ2hhbmdlZCI6ZmFsc2UsIklzTmV3IjpmYWxzZX0seyIkaWQiOiIyMTgiLCJHcm91cE5hbWUiOm51bGwsIlN0YXJ0RGF0ZSI6IjIwMTktMDQtMDRUMDA6MDA6MDBaIiwiRW5kRGF0ZSI6IjIwMTktMDQtMTBUMjM6NTk6MDB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4Ni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OS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TM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TYifSwiSXNWaXNpYmxlIjp0cnVlLCJXaWR0aCI6MC4wLCJIZWlnaHQiOjAuMCwiQm9yZGVyU3R5bGUiOnsiJGlkIjoiMjMxIiwiTGluZUNvbG9yIjpudWxsLCJMaW5lV2VpZ2h0IjowLjAsIkxpbmVUeXBlIjowLCJQYXJlbnRTdHlsZSI6bnVsbH0sIlBhcmVudFN0eWxlIjpudWxsfSwiSG9yaXpvbnRhbENvbm5lY3RvclN0eWxlIjp7IiRpZCI6IjIzMiIsIkxpbmVDb2xvciI6eyIkcmVmIjoiOTgifSwiTGluZVdlaWdodCI6MS4wLCJMaW5lVHlwZSI6MCwiUGFyZW50U3R5bGUiOm51bGx9LCJWZXJ0aWNhbENvbm5lY3RvclN0eWxlIjp7IiRpZCI6IjIz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QiLCJNYXJnaW4iOnsiJGlkIjoiMjM1IiwiVG9wIjowLCJMZWZ0Ijo0LCJSaWdodCI6NCwiQm90dG9tIjowfSwiUGFkZGluZyI6eyIkaWQiOiIyMzYiLCJUb3AiOjAsIkxlZnQiOjAsIlJpZ2h0IjowLCJCb3R0b20iOjB9LCJCYWNrZ3JvdW5kIjp7IiRpZCI6IjIzNyIsIkNvbG9yIjp7IiRpZCI6IjIzOCIsIkEiOjI1NSwiUiI6MTEyLCJHIjoxNzMsIkIiOjcx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aWQiOiIyNDIiLCJDb2xvciI6eyIkcmVmIjoiMTE0In19LCJNYXhXaWR0aCI6OTY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ExNy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xMjEifX0sIk1heFdpZHRoIjoyMDAuMCwiTWF4SGVpZ2h0IjoiSW5maW5pdHkiLCJTbWFydEZvcmVncm91bmRJc0FjdGl2ZSI6ZmFsc2UsIkhvcml6b250YWxBbGlnbm1lbnQiOjA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MTI0In0sIklzVmlzaWJsZSI6dHJ1ZSwiV2lkdGgiOjAuMCwiSGVpZ2h0IjowLjAsIkJvcmRlclN0eWxlIjp7IiRpZCI6IjI1MSIsIkxpbmVDb2xvciI6bnVsbCwiTGluZVdlaWdodCI6MC4wLCJMaW5lVHlwZSI6MCwiUGFyZW50U3R5bGUiOm51bGx9LCJQYXJlbnRTdHlsZSI6bnVsbH0sIkRhdGVGb3JtYXQiOnsiJGlkIjoiMjU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TIifSwiSWQiOiI3NWRmZmJkMC0yYzQxLTQ0MjEtODNiNy0yMGJiZmExYzNkMjIiLCJJbXBvcnRJZCI6bnVsbCwiVGl0bGUiOiLslYjrk5zroZzsnbTrk5wg7JWxIOqwnOuwnCIsIk5vdGUiOm51bGwsIkh5cGVybGluayI6bnVsbCwiSXNDaGFuZ2VkIjpmYWxzZSwiSXNOZXciOmZhbHNlfSx7IiRpZCI6IjI1MyIsIkdyb3VwTmFtZSI6bnVsbCwiU3RhcnREYXRlIjoiMjAxOS0wNC0wN1QwMDowMDowMFoiLCJFbmREYXRlIjoiMjAxOS0wNC0yMFQyMzo1OTowMCIsIlBlcmNlbnRhZ2VDb21wbGV0ZSI6bnVsbCwiU3R5bGUiOnsiJGlkIjoiMjU0IiwiU2hhcGUiOjA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ODY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kifSwiSXNWaXNpYmxlIjp0cnVlLCJXaWR0aCI6MC4wLCJIZWlnaHQiOjAuMCwiQm9yZGVyU3R5bGUiOnsiJGlkIjoiMjYwIiwiTGluZUNvbG9yIjpudWxsLCJMaW5lV2VpZ2h0IjowLjAsIkxpbmVUeXBlIjowLCJQYXJlbnRTdHlsZSI6bnVsbH0sIlBhcmVudFN0eWxlIjpudWxsfSwiRHVyYXRpb25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kzI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k2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k4In0sIkxpbmVXZWlnaHQiOjEuMCwiTGluZVR5cGUiOjAsIlBhcmVudFN0eWxlIjpudWxsfSwiVmVydGljYWxDb25uZWN0b3JTdHlsZSI6eyIkaWQiOiIyN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ExN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xMjE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MTI0In0sIklzVmlzaWJsZSI6dHJ1ZSwiV2lkdGgiOjAuMCwiSGVpZ2h0IjowLjAsIkJvcmRlclN0eWxlIjp7IiRpZCI6IjI4NiIsIkxpbmVDb2xvciI6bnVsbCwiTGluZVdlaWdodCI6MC4wLCJMaW5lVHlwZSI6MCwiUGFyZW50U3R5bGUiOm51bGx9LCJQYXJlbnRTdHlsZSI6bnVsbH0sIkRhdGVGb3JtYXQiOnsiJGlkIjoiMjg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yODcifSwiSWQiOiIzODJkZGY3Yy00OWFlLTQxYTktYTg5Ni1iNjgyMzNiYjg2MGIiLCJJbXBvcnRJZCI6bnVsbCwiVGl0bGUiOiJDIyDqs7XrtoAg67CPIOyciOuPhOyasCDtlITroZzqt7jrnqggR1VJIOqwnOuwnCIsIk5vdGUiOm51bGwsIkh5cGVybGluayI6bnVsbCwiSXNDaGFuZ2VkIjpmYWxzZSwiSXNOZXciOmZhbHNlfSx7IiRpZCI6IjI4OCIsIkdyb3VwTmFtZSI6bnVsbCwiU3RhcnREYXRlIjoiMjAxOS0wNC0xMFQwMDowMDowMFoiLCJFbmREYXRlIjoiMjAxOS0wNS0xOVQyMzo1OTowMFoiLCJQZXJjZW50YWdlQ29tcGxldGUiOm51bGwsIlN0eWxlIjp7IiRpZCI6IjI4OSIsIlNoYXBlIjow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g2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g5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5MyJ9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5Ni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5OCJ9LCJMaW5lV2VpZ2h0IjoxLjAsIkxpbmVUeXBlIjowLCJQYXJlbnRTdHlsZSI6bnVsbH0sIlZlcnRpY2FsQ29ubmVjdG9yU3R5bGUiOnsiJGlkIjoiMzA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MTIxIn1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EyNCJ9LCJJc1Zpc2libGUiOnRydWUsIldpZHRoIjowLjAsIkhlaWdodCI6MC4wLCJCb3JkZXJTdHlsZSI6eyIkaWQiOiIzMjEiLCJMaW5lQ29sb3IiOm51bGwsIkxpbmVXZWlnaHQiOjAuMCwiTGluZVR5cGUiOjAsIlBhcmVudFN0eWxlIjpudWxsfSwiUGFyZW50U3R5bGUiOm51bGx9LCJEYXRlRm9ybWF0Ijp7IiRpZCI6IjMy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IyIn0sIklkIjoiMjdhZTQ3NTgtOWJhYy00MGQzLTg0MDktNDA1ZDVhMjhjOWI2IiwiSW1wb3J0SWQiOm51bGwsIlRpdGxlIjoi7IaQIOyduOyLnSDrqqjrk4gg6rCc67CcIiwiTm90ZSI6bnVsbCwiSHlwZXJsaW5rIjpudWxsLCJJc0NoYW5nZWQiOmZhbHNlLCJJc05ldyI6ZmFsc2V9LHsiJGlkIjoiMzIzIiwiR3JvdXBOYW1lIjpudWxsLCJTdGFydERhdGUiOiIyMDE5LTA0LTE0VDAwOjAwOjAwWiIsIkVuZERhdGUiOiIyMDE5LTA1LTA5VDIzOjU5OjAw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ODYi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Dki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kz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k2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k4In0sIkxpbmVXZWlnaHQiOjEuMCwiTGluZVR5cGUiOjAsIlBhcmVudFN0eWxlIjpudWxsfSwiVmVydGljYWxDb25uZWN0b3JTdHlsZSI6eyIkaWQiOiIzM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5IiwiTWFyZ2luIjp7IiRpZCI6IjM0MCIsIlRvcCI6MCwiTGVmdCI6NCwiUmlnaHQiOjQsIkJvdHRvbSI6MH0sIlBhZGRpbmciOnsiJGlkIjoiMzQxIiwiVG9wIjowLCJMZWZ0IjowLCJSaWdodCI6MCwiQm90dG9tIjowfSwiQmFja2dyb3VuZCI6eyIkaWQiOiIzNDIiLCJDb2xvciI6eyIkaWQiOiIzNDMiLCJBIjoyNTUsIlIiOjIzNywiRyI6MTI1LCJCIjo0OX19LCJJc1Zpc2libGUiOnRydWUsIldpZHRoIjowLjAsIkhlaWdodCI6MTYuMCwiQm9yZGVyU3R5bGUiOnsiJGlkIjoiMzQ0IiwiTGluZUNvbG9yIjp7IiRyZWYiOiIxMDk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HJlZiI6IjExNCJ9fSwiTWF4V2lkdGgiOjk2MC4wLCJNYXhIZWlnaHQiOiJJbmZpbml0eSIsIlNtYXJ0Rm9yZWdyb3VuZElzQWN0aXZlIjpmYWxzZSwiSG9yaXpvbnRhbEFsaWdubWVudCI6MC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xMTc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MTIxIn19LCJNYXhXaWR0aCI6MjA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HJlZiI6IjEyNCJ9LCJJc1Zpc2libGUiOnRydWUsIldpZHRoIjowLjAsIkhlaWdodCI6MC4wLCJCb3JkZXJTdHlsZSI6eyIkaWQiOiIzNTYiLCJMaW5lQ29sb3IiOm51bGwsIkxpbmVXZWlnaHQiOjAuMCwiTGluZVR5cGUiOjAsIlBhcmVudFN0eWxlIjpudWxsfSwiUGFyZW50U3R5bGUiOm51bGx9LCJEYXRlRm9ybWF0Ijp7IiRpZCI6IjM1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U3In0sIklkIjoiZTY3NmRkNWMtOGQ2NS00Nzc1LTg4YjYtZDU2YjRlNzNlZTBjIiwiSW1wb3J0SWQiOm51bGwsIlRpdGxlIjoi7Iug7LK0IOyduOyLnSDrqqjrk4gg6rCc67CcIiwiTm90ZSI6bnVsbCwiSHlwZXJsaW5rIjpudWxsLCJJc0NoYW5nZWQiOmZhbHNlLCJJc05ldyI6ZmFsc2V9LHsiJGlkIjoiMzU4IiwiR3JvdXBOYW1lIjpudWxsLCJTdGFydERhdGUiOiIyMDE5LTA1LTEwVDAwOjAwOjAwWiIsIkVuZERhdGUiOiIyMDE5LTA2LTA3VDIzOjU5OjAwWiIsIlBlcmNlbnRhZ2VDb21wbGV0ZSI6bnVsbCwiU3R5bGUiOnsiJGlkIjoiMzU5IiwiU2hhcGUiOjAsIlNoYXBlVGhpY2tuZXNzIjox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DY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kzIn19LCJNYXhXaWR0aCI6MjAwLjAsIk1heEhlaWdodCI6IkluZmluaXR5IiwiU21hcnRGb3JlZ3JvdW5kSXNBY3RpdmUiOmZhbHNlLCJIb3Jpem9udGFsQWxpZ25tZW50Ijow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k2In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HJlZiI6Ijk4In0sIkxpbmVXZWlnaHQiOjEuMCwiTGluZVR5cGUiOjAsIlBhcmVudFN0eWxlIjpudWxsfSwiVmVydGljYWxDb25uZWN0b3JTdHlsZSI6eyIkaWQiOiIz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xMTc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cmVmIjoiMTIx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EyNCJ9LCJJc1Zpc2libGUiOnRydWUsIldpZHRoIjowLjAsIkhlaWdodCI6MC4wLCJCb3JkZXJTdHlsZSI6eyIkaWQiOiIzOTEiLCJMaW5lQ29sb3IiOm51bGwsIkxpbmVXZWlnaHQiOjAuMCwiTGluZVR5cGUiOjAsIlBhcmVudFN0eWxlIjpudWxsfSwiUGFyZW50U3R5bGUiOm51bGx9LCJEYXRlRm9ybWF0Ijp7IiRpZCI6IjM5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MzkyIn0sIklkIjoiNTU4NzE1NjYtYWNiNC00NzlmLWE1OTMtYzRkNzVmYWJhNWYzIiwiSW1wb3J0SWQiOm51bGwsIlRpdGxlIjoiQVIg7J2Y7IOBIOqwneyytCDsg53shLEg66qo65OIIOqwnOuwnCIsIk5vdGUiOm51bGwsIkh5cGVybGluayI6bnVsbCwiSXNDaGFuZ2VkIjpmYWxzZSwiSXNOZXciOmZhbHNlfSx7IiRpZCI6IjM5MyIsIkdyb3VwTmFtZSI6bnVsbCwiU3RhcnREYXRlIjoiMjAxOS0wNS0yMFQwMDowMDowMFoiLCJFbmREYXRlIjoiMjAxOS0wNS0yNlQyMzo1OTowMFoiLCJQZXJjZW50YWdlQ29tcGxldGUiOm51bGwsIlN0eWxlIjp7IiRpZCI6IjM5NCIsIlNoYXBlIjow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g5In0sIklzVmlzaWJsZSI6dHJ1ZSwiV2lkdGgiOjAuMCwiSGVpZ2h0IjowLjAsIkJvcmRlclN0eWxlIjp7IiRpZCI6IjQwMCIsIkxpbmVDb2xvciI6bnVsbCwiTGluZVdlaWdodCI6MC4wLCJMaW5lVHlwZSI6MCwiUGFyZW50U3R5bGUiOm51bGx9LCJQYXJlbnRTdHlsZSI6bnVsbH0sIkR1cmF0aW9u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5MyJ9fSwiTWF4V2lkdGgiOjIwMC4wLCJNYXhIZWlnaHQiOiJJbmZpbml0eSIsIlNtYXJ0Rm9yZWdyb3VuZElzQWN0aXZlIjpmYWxzZSwiSG9yaXpvbnRhbEFsaWdubWVudCI6MC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5Ni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5OCJ9LCJMaW5lV2VpZ2h0IjoxLjAsIkxpbmVUeXBlIjowLCJQYXJlbnRTdHlsZSI6bnVsbH0sIlZlcnRpY2FsQ29ubmVjdG9yU3R5bGUiOnsiJGlkIjoiNDA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xMTci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Q0IiwiTWFyZ2luIjp7IiRpZCI6IjQ0NSIsIlRvcCI6MCwiTGVmdCI6NCwiUmlnaHQiOjQsIkJvdHRvbSI6MH0sIlBhZGRpbmciOnsiJGlkIjoiNDQ2IiwiVG9wIjowLCJMZWZ0IjowLCJSaWdodCI6MCwiQm90dG9tIjowfSwiQmFja2dyb3VuZCI6eyIkaWQiOiI0NDciLCJDb2xvciI6eyIkaWQiOiI0NDgiLCJBIjoyNTUsIlIiOjkxLCJHIjoxNTUsIkIiOjIxM319LCJJc1Zpc2libGUiOnRydWUsIldpZHRoIjowLjAsIkhlaWdodCI6MTYuMC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0cnVlLCJJc0l0YWxpYyI6ZmFsc2UsIklzVW5kZXJsaW5lZCI6ZmFsc2UsIlBhcmVudFN0eWxlIjpudWxsfSwiQXV0b1NpemUiOjAsIkZvcmVncm91bmQiOnsiJGlkIjoiNDUyIiwiQ29sb3IiOnsiJHJlZiI6IjExNCJ9fSwiTWF4V2lkdGgiOjcyMC4wLCJNYXhIZWlnaHQiOiJJbmZpbml0eSIsIlNtYXJ0Rm9yZWdyb3VuZElzQWN0aXZlIjpmYWxzZSwiSG9yaXpvbnRhbEFsaWdubWVudCI6MC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ciLCJVc2VUaW1lIjpmYWxzZSwiV29ya0RheVN0YXJ0IjoiMDA6MDA6MDAiLCJXb3JrRGF5RW5kIjoiMjM6NTk6MDAifSwiTGFzdFVzZWRUZW1wbGF0ZUlkIjoiNzM1NWI2MzMtYWM2Ni00NTI4LThiNGQtMjk5ZmFlZGM5ZWU5In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9</Words>
  <Application>Microsoft Office PowerPoint</Application>
  <PresentationFormat>와이드스크린</PresentationFormat>
  <Paragraphs>87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4-17T10:53:51Z</dcterms:modified>
</cp:coreProperties>
</file>